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63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4-6-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4-6-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eindhov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Lettertype, tekst, logo, Graphics&#10;&#10;Automatisch gegenereerde beschrijving">
            <a:extLst>
              <a:ext uri="{FF2B5EF4-FFF2-40B4-BE49-F238E27FC236}">
                <a16:creationId xmlns:a16="http://schemas.microsoft.com/office/drawing/2014/main" id="{F124B4BF-6E6E-DAE7-340A-3C724CCC9BE0}"/>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36733" y="4560411"/>
            <a:ext cx="3665033" cy="2074409"/>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Lettertype, tekst, logo, Graphics&#10;&#10;Automatisch gegenereerde beschrijving">
            <a:extLst>
              <a:ext uri="{FF2B5EF4-FFF2-40B4-BE49-F238E27FC236}">
                <a16:creationId xmlns:a16="http://schemas.microsoft.com/office/drawing/2014/main" id="{FB88F729-FD3F-4299-248A-5C862EF9B6A2}"/>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39907" y="3998245"/>
            <a:ext cx="2317579" cy="1311750"/>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4</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2</cp:revision>
  <dcterms:created xsi:type="dcterms:W3CDTF">2019-07-30T10:24:44Z</dcterms:created>
  <dcterms:modified xsi:type="dcterms:W3CDTF">2024-06-04T10:48:04Z</dcterms:modified>
</cp:coreProperties>
</file>